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2268" yWindow="1800" windowWidth="13092" windowHeight="8712"/>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8</definedName>
  </definedNames>
  <calcPr calcId="152511" calcMode="manual"/>
</workbook>
</file>

<file path=xl/sharedStrings.xml><?xml version="1.0" encoding="utf-8"?>
<sst xmlns="http://schemas.openxmlformats.org/spreadsheetml/2006/main" count="1182" uniqueCount="900">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横須賀大津</t>
    <rPh sb="0" eb="3">
      <t>ヨコスカ</t>
    </rPh>
    <rPh sb="3" eb="5">
      <t>オオツ</t>
    </rPh>
    <phoneticPr fontId="1"/>
  </si>
  <si>
    <t>073</t>
    <phoneticPr fontId="1"/>
  </si>
  <si>
    <t>ワニブックス</t>
    <phoneticPr fontId="1"/>
  </si>
  <si>
    <t>この世の中を動かす暗黙のルール</t>
    <rPh sb="2" eb="3">
      <t>ヨ</t>
    </rPh>
    <rPh sb="4" eb="5">
      <t>ナカ</t>
    </rPh>
    <rPh sb="6" eb="7">
      <t>ウゴ</t>
    </rPh>
    <rPh sb="9" eb="11">
      <t>アンモク</t>
    </rPh>
    <phoneticPr fontId="1"/>
  </si>
  <si>
    <t xml:space="preserve">幻冬舎 </t>
    <phoneticPr fontId="1"/>
  </si>
  <si>
    <t xml:space="preserve">清流出版 </t>
    <phoneticPr fontId="1"/>
  </si>
  <si>
    <t>君の悩みに答えよう</t>
    <rPh sb="0" eb="1">
      <t>キミ</t>
    </rPh>
    <rPh sb="2" eb="3">
      <t>ナヤ</t>
    </rPh>
    <rPh sb="5" eb="6">
      <t>コタ</t>
    </rPh>
    <phoneticPr fontId="1"/>
  </si>
  <si>
    <t xml:space="preserve"> 福村出版 </t>
    <phoneticPr fontId="1"/>
  </si>
  <si>
    <t>なぜ僕らは働くのか</t>
    <rPh sb="2" eb="3">
      <t>ボク</t>
    </rPh>
    <rPh sb="5" eb="6">
      <t>ハタラ</t>
    </rPh>
    <phoneticPr fontId="1"/>
  </si>
  <si>
    <t xml:space="preserve">学研プラス </t>
    <phoneticPr fontId="1"/>
  </si>
  <si>
    <t>こども六法</t>
    <rPh sb="3" eb="5">
      <t>ロッポウ</t>
    </rPh>
    <phoneticPr fontId="1"/>
  </si>
  <si>
    <t xml:space="preserve">弘文堂 </t>
    <phoneticPr fontId="1"/>
  </si>
  <si>
    <t>おとめ六法</t>
    <rPh sb="3" eb="5">
      <t>ロッポウ</t>
    </rPh>
    <phoneticPr fontId="1"/>
  </si>
  <si>
    <t>ＫＡＤＯＫＡＷＡ</t>
    <phoneticPr fontId="1"/>
  </si>
  <si>
    <t>私は私のままで生きることにした</t>
    <rPh sb="0" eb="1">
      <t>ワタシ</t>
    </rPh>
    <rPh sb="2" eb="3">
      <t>ワタシ</t>
    </rPh>
    <rPh sb="7" eb="8">
      <t>イ</t>
    </rPh>
    <phoneticPr fontId="1"/>
  </si>
  <si>
    <t>子どもが知っておきたいためになる法律、・第１章 刑法 ・第２章 刑事訴訟法 ・第３章 少年法 ・第４章 民法 について分かりやすく説明する。</t>
    <rPh sb="0" eb="1">
      <t>コ</t>
    </rPh>
    <rPh sb="4" eb="5">
      <t>シ</t>
    </rPh>
    <rPh sb="16" eb="18">
      <t>ホウリツ</t>
    </rPh>
    <rPh sb="59" eb="60">
      <t>ワ</t>
    </rPh>
    <rPh sb="65" eb="67">
      <t>セツメイ</t>
    </rPh>
    <phoneticPr fontId="1"/>
  </si>
  <si>
    <t>明石書店</t>
    <rPh sb="0" eb="2">
      <t>アカシ</t>
    </rPh>
    <rPh sb="2" eb="4">
      <t>ショテン</t>
    </rPh>
    <phoneticPr fontId="1"/>
  </si>
  <si>
    <t>シリーズ　世界がもし100人の村だったら</t>
    <phoneticPr fontId="1"/>
  </si>
  <si>
    <t>マガジンハウス</t>
    <phoneticPr fontId="1"/>
  </si>
  <si>
    <t>プラスチック・スープの地球</t>
    <rPh sb="11" eb="13">
      <t>チキュウ</t>
    </rPh>
    <phoneticPr fontId="1"/>
  </si>
  <si>
    <t xml:space="preserve">ミヒル・ロスカム・アビング
</t>
    <phoneticPr fontId="1"/>
  </si>
  <si>
    <t>ポプラ社</t>
    <rPh sb="3" eb="4">
      <t>シャ</t>
    </rPh>
    <phoneticPr fontId="1"/>
  </si>
  <si>
    <t>日本がもし100人の村だったら</t>
    <rPh sb="0" eb="2">
      <t>ニホン</t>
    </rPh>
    <rPh sb="8" eb="9">
      <t>ニン</t>
    </rPh>
    <rPh sb="10" eb="11">
      <t>ムラ</t>
    </rPh>
    <phoneticPr fontId="1"/>
  </si>
  <si>
    <t>池上彰</t>
    <rPh sb="0" eb="2">
      <t>イケガミ</t>
    </rPh>
    <rPh sb="2" eb="3">
      <t>アキラ</t>
    </rPh>
    <phoneticPr fontId="1"/>
  </si>
  <si>
    <t xml:space="preserve">マガジンハウス </t>
    <phoneticPr fontId="1"/>
  </si>
  <si>
    <t>未来を変える目標　SDGｓアイデアブック</t>
    <rPh sb="0" eb="2">
      <t>ミライ</t>
    </rPh>
    <rPh sb="3" eb="4">
      <t>カ</t>
    </rPh>
    <rPh sb="6" eb="8">
      <t>モクヒョウ</t>
    </rPh>
    <phoneticPr fontId="1"/>
  </si>
  <si>
    <t>紀伊國屋書店</t>
    <phoneticPr fontId="1"/>
  </si>
  <si>
    <t>333</t>
    <phoneticPr fontId="1"/>
  </si>
  <si>
    <t>304</t>
    <phoneticPr fontId="1"/>
  </si>
  <si>
    <t>519</t>
    <phoneticPr fontId="1"/>
  </si>
  <si>
    <t>プラスチック・フリー生活</t>
    <rPh sb="10" eb="12">
      <t>セイカツ</t>
    </rPh>
    <phoneticPr fontId="1"/>
  </si>
  <si>
    <t xml:space="preserve">シャンタル・プラモンドン </t>
    <phoneticPr fontId="1"/>
  </si>
  <si>
    <t>キム・スヒョン</t>
    <phoneticPr fontId="1"/>
  </si>
  <si>
    <t xml:space="preserve">岡田 尊司 </t>
    <phoneticPr fontId="1"/>
  </si>
  <si>
    <t xml:space="preserve"> 武田 友紀 </t>
    <phoneticPr fontId="1"/>
  </si>
  <si>
    <t xml:space="preserve">日本青年心理学会 </t>
    <phoneticPr fontId="1"/>
  </si>
  <si>
    <t xml:space="preserve"> 山崎 聡一郎 </t>
    <phoneticPr fontId="1"/>
  </si>
  <si>
    <t xml:space="preserve">佳奈 </t>
    <phoneticPr fontId="1"/>
  </si>
  <si>
    <t xml:space="preserve"> 上谷 さくら </t>
    <phoneticPr fontId="1"/>
  </si>
  <si>
    <t>一橋大学社会学部佐藤文香ゼミ生一同</t>
    <phoneticPr fontId="1"/>
  </si>
  <si>
    <t xml:space="preserve">池田 香代子 
</t>
    <phoneticPr fontId="1"/>
  </si>
  <si>
    <t xml:space="preserve">NHK出版 </t>
    <phoneticPr fontId="1"/>
  </si>
  <si>
    <t>知っていますか？SDGｓ</t>
    <rPh sb="0" eb="1">
      <t>シ</t>
    </rPh>
    <phoneticPr fontId="1"/>
  </si>
  <si>
    <t>ユニセフ協会</t>
    <rPh sb="4" eb="6">
      <t>キョウカイ</t>
    </rPh>
    <phoneticPr fontId="1"/>
  </si>
  <si>
    <t>333</t>
    <phoneticPr fontId="1"/>
  </si>
  <si>
    <t>タンタンタンゴはパパふたり</t>
    <phoneticPr fontId="1"/>
  </si>
  <si>
    <t>さえら書房</t>
    <phoneticPr fontId="1"/>
  </si>
  <si>
    <t xml:space="preserve">ジャスティン リチャードソン </t>
    <phoneticPr fontId="1"/>
  </si>
  <si>
    <t>933</t>
    <phoneticPr fontId="1"/>
  </si>
  <si>
    <t>ポット出版</t>
    <phoneticPr fontId="1"/>
  </si>
  <si>
    <t>ジェンダーについて大学生が真剣に考えてみた</t>
    <phoneticPr fontId="1"/>
  </si>
  <si>
    <t>367</t>
    <phoneticPr fontId="1"/>
  </si>
  <si>
    <t>320</t>
    <phoneticPr fontId="1"/>
  </si>
  <si>
    <t>320</t>
    <phoneticPr fontId="1"/>
  </si>
  <si>
    <t>366</t>
    <phoneticPr fontId="1"/>
  </si>
  <si>
    <t>159</t>
    <phoneticPr fontId="1"/>
  </si>
  <si>
    <t>141</t>
    <phoneticPr fontId="1"/>
  </si>
  <si>
    <t>361</t>
    <phoneticPr fontId="1"/>
  </si>
  <si>
    <t xml:space="preserve">
Ｔｈｉｎｋ　ｔｈｅ　Ｅａｒｔｈ
</t>
    <phoneticPr fontId="1"/>
  </si>
  <si>
    <t>304</t>
    <phoneticPr fontId="1"/>
  </si>
  <si>
    <t>繊細さんが「自分のまま」で</t>
    <rPh sb="0" eb="2">
      <t>センサイ</t>
    </rPh>
    <rPh sb="6" eb="8">
      <t>ジブン</t>
    </rPh>
    <phoneticPr fontId="1"/>
  </si>
  <si>
    <t>「日本がもし100人の村だったら」、この村はどうなっているのか。過去と比べて、未来を予想して、海外とも比較して日本の最重要課題を数字で語る。</t>
    <phoneticPr fontId="1"/>
  </si>
  <si>
    <t>ジェンダー研究のゼミに所属している学生たちが、そのことゆえに友人・知人から投げかけられたさまざまな「問い」に悩みつつ、それらに真っ正面から向き合った、真摯で誠実なQ&amp;A集。</t>
    <phoneticPr fontId="1"/>
  </si>
  <si>
    <t>367</t>
    <phoneticPr fontId="1"/>
  </si>
  <si>
    <t>ゲイだけど質問ある？</t>
    <rPh sb="5" eb="7">
      <t>シツモン</t>
    </rPh>
    <phoneticPr fontId="1"/>
  </si>
  <si>
    <t>鈴掛　真</t>
    <phoneticPr fontId="1"/>
  </si>
  <si>
    <t>講談社</t>
    <rPh sb="0" eb="3">
      <t>コウダンシャ</t>
    </rPh>
    <phoneticPr fontId="1"/>
  </si>
  <si>
    <t>361</t>
    <phoneticPr fontId="1"/>
  </si>
  <si>
    <t>人は話し方が９割</t>
    <rPh sb="0" eb="1">
      <t>ヒト</t>
    </rPh>
    <rPh sb="2" eb="3">
      <t>ハナ</t>
    </rPh>
    <rPh sb="4" eb="5">
      <t>カタ</t>
    </rPh>
    <rPh sb="7" eb="8">
      <t>ワリ</t>
    </rPh>
    <phoneticPr fontId="1"/>
  </si>
  <si>
    <t>この本で取り上げられるのは家族、友人などといった身近な人たちとのコミュニケーションを円滑にするコツで、より多くの人と話せるようになるメソッドが詰まっている。</t>
    <rPh sb="2" eb="3">
      <t>ホン</t>
    </rPh>
    <rPh sb="13" eb="15">
      <t>カゾク</t>
    </rPh>
    <rPh sb="71" eb="72">
      <t>ツ</t>
    </rPh>
    <phoneticPr fontId="1"/>
  </si>
  <si>
    <t>永松茂久</t>
    <phoneticPr fontId="1"/>
  </si>
  <si>
    <t xml:space="preserve">
すばる舎</t>
    <phoneticPr fontId="1"/>
  </si>
  <si>
    <t>159</t>
    <phoneticPr fontId="1"/>
  </si>
  <si>
    <t xml:space="preserve">高濱 正伸 (監修) </t>
    <phoneticPr fontId="1"/>
  </si>
  <si>
    <t>「メシが食える大人になる！」と書名の頭にあるが、こども向けの本であるのに大人が読んで納得できる。きびしい社会を生きるこどもたちにむけて、よのなかを生き抜くための大切なことばが詰まっている。</t>
    <rPh sb="4" eb="5">
      <t>ク</t>
    </rPh>
    <rPh sb="7" eb="9">
      <t>オトナ</t>
    </rPh>
    <rPh sb="15" eb="17">
      <t>ショメイ</t>
    </rPh>
    <rPh sb="18" eb="19">
      <t>アタマ</t>
    </rPh>
    <rPh sb="27" eb="28">
      <t>ム</t>
    </rPh>
    <rPh sb="30" eb="31">
      <t>ホン</t>
    </rPh>
    <rPh sb="36" eb="38">
      <t>オトナ</t>
    </rPh>
    <rPh sb="39" eb="40">
      <t>ヨ</t>
    </rPh>
    <rPh sb="42" eb="44">
      <t>ナットク</t>
    </rPh>
    <rPh sb="80" eb="82">
      <t>タイセツ</t>
    </rPh>
    <rPh sb="87" eb="88">
      <t>ツ</t>
    </rPh>
    <phoneticPr fontId="1"/>
  </si>
  <si>
    <t>日本図書センター</t>
    <phoneticPr fontId="1"/>
  </si>
  <si>
    <t>よのなかルールブック</t>
    <phoneticPr fontId="1"/>
  </si>
  <si>
    <t>高校生活の日常で困ったことや悩み事に役立つ本をピックアップした。一人で考えているとなかなか解決策が見つからないが、先人の知恵や専門家の意見、人生の先輩のアドバイスなどを参考にして前を向くことができるとよいと思う。また自分のことだけでなく多様性を理解し差別することなく受容するために役立つ本も紹介した。SDGｓについては、喫緊の課題でありながらなかなかアイデアとして具体的に何ができるのか考えることは難しいが、安穏としていられない状況を知ってほしいと思い選書した。</t>
    <rPh sb="0" eb="2">
      <t>コウコウ</t>
    </rPh>
    <rPh sb="2" eb="4">
      <t>セイカツ</t>
    </rPh>
    <rPh sb="5" eb="7">
      <t>ニチジョウ</t>
    </rPh>
    <rPh sb="8" eb="9">
      <t>コマ</t>
    </rPh>
    <rPh sb="14" eb="15">
      <t>ナヤ</t>
    </rPh>
    <rPh sb="16" eb="17">
      <t>ゴト</t>
    </rPh>
    <rPh sb="18" eb="20">
      <t>ヤクダ</t>
    </rPh>
    <rPh sb="21" eb="22">
      <t>ホン</t>
    </rPh>
    <rPh sb="32" eb="34">
      <t>ヒトリ</t>
    </rPh>
    <rPh sb="35" eb="36">
      <t>カンガ</t>
    </rPh>
    <rPh sb="45" eb="48">
      <t>カイケツサク</t>
    </rPh>
    <rPh sb="49" eb="50">
      <t>ミ</t>
    </rPh>
    <rPh sb="57" eb="59">
      <t>センジン</t>
    </rPh>
    <rPh sb="108" eb="110">
      <t>ジブン</t>
    </rPh>
    <rPh sb="118" eb="121">
      <t>タヨウセイ</t>
    </rPh>
    <rPh sb="122" eb="124">
      <t>リカイ</t>
    </rPh>
    <rPh sb="125" eb="127">
      <t>サベツ</t>
    </rPh>
    <rPh sb="140" eb="142">
      <t>ヤクダ</t>
    </rPh>
    <rPh sb="143" eb="144">
      <t>ホン</t>
    </rPh>
    <rPh sb="145" eb="147">
      <t>ショウカイ</t>
    </rPh>
    <rPh sb="163" eb="165">
      <t>カダイ</t>
    </rPh>
    <rPh sb="182" eb="185">
      <t>グタイテキ</t>
    </rPh>
    <rPh sb="186" eb="187">
      <t>ナニ</t>
    </rPh>
    <rPh sb="193" eb="194">
      <t>カンガ</t>
    </rPh>
    <rPh sb="199" eb="200">
      <t>ムズカ</t>
    </rPh>
    <rPh sb="204" eb="206">
      <t>アンノン</t>
    </rPh>
    <rPh sb="214" eb="216">
      <t>ジョウキョウ</t>
    </rPh>
    <rPh sb="217" eb="218">
      <t>シ</t>
    </rPh>
    <rPh sb="224" eb="225">
      <t>オモ</t>
    </rPh>
    <rPh sb="226" eb="228">
      <t>センショ</t>
    </rPh>
    <phoneticPr fontId="1"/>
  </si>
  <si>
    <t>ヴァレンティナ・キャメリニ</t>
    <phoneticPr fontId="1"/>
  </si>
  <si>
    <t>西村書店</t>
    <rPh sb="0" eb="2">
      <t>ニシムラ</t>
    </rPh>
    <rPh sb="2" eb="4">
      <t>ショテン</t>
    </rPh>
    <phoneticPr fontId="1"/>
  </si>
  <si>
    <t>519</t>
    <phoneticPr fontId="1"/>
  </si>
  <si>
    <t>フェアトレードのおかしな真実</t>
    <rPh sb="12" eb="14">
      <t>シンジツ</t>
    </rPh>
    <phoneticPr fontId="1"/>
  </si>
  <si>
    <t>678</t>
    <phoneticPr fontId="1"/>
  </si>
  <si>
    <t>グレタのねがい</t>
    <phoneticPr fontId="1"/>
  </si>
  <si>
    <t>ウッドマン，コナー</t>
    <phoneticPr fontId="1"/>
  </si>
  <si>
    <t>英治出版</t>
    <phoneticPr fontId="1"/>
  </si>
  <si>
    <t>最近よくきく「LGBT」について、まだまだ知らない人が多い。聞いてみたいけどなかなかオープンに聞く機会のない疑問に、歌人として活躍する著者が素直な気持ちで答えている。</t>
    <rPh sb="30" eb="31">
      <t>キ</t>
    </rPh>
    <rPh sb="47" eb="48">
      <t>キ</t>
    </rPh>
    <rPh sb="49" eb="51">
      <t>キカイ</t>
    </rPh>
    <rPh sb="67" eb="69">
      <t>チョシャ</t>
    </rPh>
    <rPh sb="70" eb="72">
      <t>スナオ</t>
    </rPh>
    <rPh sb="73" eb="75">
      <t>キモ</t>
    </rPh>
    <phoneticPr fontId="1"/>
  </si>
  <si>
    <t>世界にたった一人しかいない“自分”を大切にして生きていくために忘れないでほしいことが、著者の実体験をもとに分かりやすく親しみやすく書かれている。</t>
    <rPh sb="43" eb="45">
      <t>チョシャ</t>
    </rPh>
    <rPh sb="46" eb="49">
      <t>ジッタイケン</t>
    </rPh>
    <rPh sb="59" eb="60">
      <t>シタ</t>
    </rPh>
    <rPh sb="65" eb="66">
      <t>カ</t>
    </rPh>
    <phoneticPr fontId="1"/>
  </si>
  <si>
    <t>著者は精神科医で「愛着障害」などの著作で知られるが、この本は物語として、生きにくさと向き合い解決策を導くという、小説として読んで面白い内容になっている。</t>
    <rPh sb="0" eb="2">
      <t>チョシャ</t>
    </rPh>
    <rPh sb="3" eb="7">
      <t>セイシンカイ</t>
    </rPh>
    <rPh sb="9" eb="11">
      <t>アイチャク</t>
    </rPh>
    <rPh sb="11" eb="13">
      <t>ショウガイ</t>
    </rPh>
    <rPh sb="17" eb="19">
      <t>チョサク</t>
    </rPh>
    <rPh sb="20" eb="21">
      <t>シ</t>
    </rPh>
    <rPh sb="28" eb="29">
      <t>ホン</t>
    </rPh>
    <rPh sb="30" eb="32">
      <t>モノガタリ</t>
    </rPh>
    <rPh sb="36" eb="37">
      <t>イ</t>
    </rPh>
    <rPh sb="42" eb="43">
      <t>ム</t>
    </rPh>
    <rPh sb="44" eb="45">
      <t>ア</t>
    </rPh>
    <rPh sb="46" eb="49">
      <t>カイケツサク</t>
    </rPh>
    <rPh sb="50" eb="51">
      <t>ミチビ</t>
    </rPh>
    <rPh sb="56" eb="58">
      <t>ショウセツ</t>
    </rPh>
    <rPh sb="61" eb="62">
      <t>ヨ</t>
    </rPh>
    <rPh sb="64" eb="66">
      <t>オモシロ</t>
    </rPh>
    <rPh sb="67" eb="69">
      <t>ナイヨウ</t>
    </rPh>
    <phoneticPr fontId="1"/>
  </si>
  <si>
    <t>ＨＳＰ（繊細な人）に向け、自分を大切にして生きるための様々な方法を指南する。</t>
    <rPh sb="10" eb="11">
      <t>ム</t>
    </rPh>
    <rPh sb="13" eb="15">
      <t>ジブン</t>
    </rPh>
    <rPh sb="16" eb="18">
      <t>タイセツ</t>
    </rPh>
    <rPh sb="21" eb="22">
      <t>イ</t>
    </rPh>
    <rPh sb="27" eb="29">
      <t>サマザマ</t>
    </rPh>
    <rPh sb="30" eb="32">
      <t>ホウホウ</t>
    </rPh>
    <rPh sb="33" eb="35">
      <t>シナン</t>
    </rPh>
    <phoneticPr fontId="1"/>
  </si>
  <si>
    <t>多くの心理学研究者が様々な思春期の悩みに答えてくれている。参考までに読んでおくと何かの役に立つはず。</t>
    <rPh sb="0" eb="1">
      <t>オオ</t>
    </rPh>
    <rPh sb="3" eb="6">
      <t>シンリガク</t>
    </rPh>
    <rPh sb="6" eb="9">
      <t>ケンキュウシャ</t>
    </rPh>
    <rPh sb="10" eb="12">
      <t>サマザマ</t>
    </rPh>
    <rPh sb="13" eb="16">
      <t>シシュンキ</t>
    </rPh>
    <rPh sb="17" eb="18">
      <t>ナヤ</t>
    </rPh>
    <rPh sb="20" eb="21">
      <t>コタ</t>
    </rPh>
    <rPh sb="29" eb="31">
      <t>サンコウ</t>
    </rPh>
    <rPh sb="34" eb="35">
      <t>ヨ</t>
    </rPh>
    <rPh sb="40" eb="41">
      <t>ナニ</t>
    </rPh>
    <rPh sb="43" eb="44">
      <t>ヤク</t>
    </rPh>
    <rPh sb="45" eb="46">
      <t>タ</t>
    </rPh>
    <phoneticPr fontId="1"/>
  </si>
  <si>
    <t>自分の進むべき方向を考えたり、そもそもの働く意味を考えるために、まずは世の中を知ることから始めようという。</t>
    <rPh sb="0" eb="2">
      <t>ジブン</t>
    </rPh>
    <rPh sb="3" eb="4">
      <t>スス</t>
    </rPh>
    <rPh sb="7" eb="9">
      <t>ホウコウ</t>
    </rPh>
    <rPh sb="10" eb="11">
      <t>カンガ</t>
    </rPh>
    <rPh sb="20" eb="21">
      <t>ハタラ</t>
    </rPh>
    <rPh sb="22" eb="24">
      <t>イミ</t>
    </rPh>
    <rPh sb="25" eb="26">
      <t>カンガ</t>
    </rPh>
    <rPh sb="35" eb="36">
      <t>ヨ</t>
    </rPh>
    <rPh sb="37" eb="38">
      <t>ナカ</t>
    </rPh>
    <rPh sb="39" eb="40">
      <t>シ</t>
    </rPh>
    <rPh sb="45" eb="46">
      <t>ハジ</t>
    </rPh>
    <phoneticPr fontId="1"/>
  </si>
  <si>
    <t>女性が特に遭いやすいトラブルについて、自分を守る方法や困った状況から抜け出すヒントを教えてくれる。</t>
    <phoneticPr fontId="1"/>
  </si>
  <si>
    <t>ペンギンの心温まる話でLGBTへの理解が深まる内容となっている。アメリカでは一般によく読まれている情操教育の絵本。</t>
    <rPh sb="23" eb="25">
      <t>ナイヨウ</t>
    </rPh>
    <rPh sb="38" eb="40">
      <t>イッパン</t>
    </rPh>
    <rPh sb="43" eb="44">
      <t>ヨ</t>
    </rPh>
    <rPh sb="49" eb="51">
      <t>ジョウソウ</t>
    </rPh>
    <rPh sb="51" eb="53">
      <t>キョウイク</t>
    </rPh>
    <rPh sb="54" eb="56">
      <t>エホン</t>
    </rPh>
    <phoneticPr fontId="1"/>
  </si>
  <si>
    <t>まずはSDGsのことを「知って」「わかる」ことから。ちゃんと知っておきたいSDGsの入門書。</t>
    <phoneticPr fontId="1"/>
  </si>
  <si>
    <t>SDGs(持続可能な開発目標)についてわかりやすく学べる。単なる活動紹介ではなく、アイデアにこだわって紹介している。</t>
    <phoneticPr fontId="1"/>
  </si>
  <si>
    <t>翻訳されて世界にひろく読まれている。１，2巻、3巻たべもの編、4巻こども編、完結編、お金編まで、世界のリアルな現状を知るための本。</t>
    <rPh sb="0" eb="2">
      <t>ホンヤク</t>
    </rPh>
    <rPh sb="5" eb="7">
      <t>セカイ</t>
    </rPh>
    <rPh sb="11" eb="12">
      <t>ヨ</t>
    </rPh>
    <rPh sb="21" eb="22">
      <t>カン</t>
    </rPh>
    <rPh sb="24" eb="25">
      <t>カン</t>
    </rPh>
    <rPh sb="29" eb="30">
      <t>ヘン</t>
    </rPh>
    <rPh sb="32" eb="33">
      <t>カン</t>
    </rPh>
    <rPh sb="36" eb="37">
      <t>ヘン</t>
    </rPh>
    <rPh sb="38" eb="40">
      <t>カンケツ</t>
    </rPh>
    <rPh sb="40" eb="41">
      <t>ヘン</t>
    </rPh>
    <rPh sb="43" eb="44">
      <t>カネ</t>
    </rPh>
    <rPh sb="44" eb="45">
      <t>ヘン</t>
    </rPh>
    <rPh sb="48" eb="50">
      <t>セカイ</t>
    </rPh>
    <rPh sb="55" eb="57">
      <t>ゲンジョウ</t>
    </rPh>
    <rPh sb="58" eb="59">
      <t>シ</t>
    </rPh>
    <rPh sb="63" eb="64">
      <t>ホン</t>
    </rPh>
    <phoneticPr fontId="1"/>
  </si>
  <si>
    <t>リアルな写真と共に解説する汚染された地球の現状、そして未来に向けてどんな解決策があるのかアイデアをあげて待ったなしの課題に向き合う。</t>
    <rPh sb="4" eb="6">
      <t>シャシン</t>
    </rPh>
    <rPh sb="7" eb="8">
      <t>トモ</t>
    </rPh>
    <rPh sb="9" eb="11">
      <t>カイセツ</t>
    </rPh>
    <rPh sb="13" eb="15">
      <t>オセン</t>
    </rPh>
    <rPh sb="18" eb="20">
      <t>チキュウ</t>
    </rPh>
    <rPh sb="21" eb="23">
      <t>ゲンジョウ</t>
    </rPh>
    <rPh sb="27" eb="29">
      <t>ミライ</t>
    </rPh>
    <rPh sb="30" eb="31">
      <t>ム</t>
    </rPh>
    <rPh sb="36" eb="39">
      <t>カイケツサク</t>
    </rPh>
    <rPh sb="52" eb="53">
      <t>マ</t>
    </rPh>
    <rPh sb="58" eb="60">
      <t>カダイ</t>
    </rPh>
    <rPh sb="61" eb="62">
      <t>ム</t>
    </rPh>
    <rPh sb="63" eb="64">
      <t>ア</t>
    </rPh>
    <phoneticPr fontId="1"/>
  </si>
  <si>
    <t>プラスチックの日用品を8割近く減らす簡単な6つのアクションのほか、さまざまな代替品についても紹介する“プラスチック・フリー生活”スタートガイド。</t>
    <phoneticPr fontId="1"/>
  </si>
  <si>
    <t>当時15歳のグレタは、地球温暖化を食い止めるための行動を政府に迫るため、 学校へ行かずに国会議事堂へむかい、ひとりでストライキを始める。地球の未来を憂いて行動する少女の希望と決意の物語。</t>
    <rPh sb="68" eb="70">
      <t>チキュウ</t>
    </rPh>
    <rPh sb="71" eb="73">
      <t>ミライ</t>
    </rPh>
    <rPh sb="74" eb="75">
      <t>ウレ</t>
    </rPh>
    <rPh sb="77" eb="79">
      <t>コウドウ</t>
    </rPh>
    <rPh sb="81" eb="83">
      <t>ショウジョ</t>
    </rPh>
    <rPh sb="84" eb="86">
      <t>キボウ</t>
    </rPh>
    <rPh sb="87" eb="89">
      <t>ケツイ</t>
    </rPh>
    <phoneticPr fontId="1"/>
  </si>
  <si>
    <t>フェアトレードは必要だが、なぜ現在のフェアトレードの認証制度では不十分なのか、知らなかった事実を知り、考えさせられる。</t>
    <rPh sb="8" eb="10">
      <t>ヒツヨウ</t>
    </rPh>
    <rPh sb="48" eb="49">
      <t>シ</t>
    </rPh>
    <phoneticPr fontId="1"/>
  </si>
  <si>
    <t>高等学校</t>
    <rPh sb="0" eb="2">
      <t>コウトウ</t>
    </rPh>
    <rPh sb="2" eb="4">
      <t>ガッコ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3">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
      <sz val="11"/>
      <name val="ＭＳ Ｐ明朝"/>
      <family val="1"/>
      <charset val="128"/>
    </font>
    <font>
      <sz val="11"/>
      <name val="ＭＳ Ｐゴシック"/>
      <family val="3"/>
      <charset val="128"/>
      <scheme val="min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8">
    <border>
      <left/>
      <right/>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s>
  <cellStyleXfs count="1">
    <xf numFmtId="0" fontId="0" fillId="0" borderId="0"/>
  </cellStyleXfs>
  <cellXfs count="39">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5" xfId="0" applyFont="1" applyFill="1" applyBorder="1" applyAlignment="1">
      <alignment horizontal="center" vertical="center"/>
    </xf>
    <xf numFmtId="0" fontId="4" fillId="4" borderId="15" xfId="0" applyFont="1" applyFill="1" applyBorder="1" applyAlignment="1">
      <alignment horizontal="center" wrapText="1"/>
    </xf>
    <xf numFmtId="49" fontId="4" fillId="3" borderId="12" xfId="0" quotePrefix="1" applyNumberFormat="1" applyFont="1" applyFill="1" applyBorder="1" applyAlignment="1">
      <alignment horizontal="center" vertical="center"/>
    </xf>
    <xf numFmtId="49" fontId="4" fillId="3" borderId="6" xfId="0" applyNumberFormat="1" applyFont="1" applyFill="1" applyBorder="1" applyAlignment="1">
      <alignment horizontal="center" vertical="center"/>
    </xf>
    <xf numFmtId="176" fontId="10" fillId="0" borderId="7" xfId="0" applyNumberFormat="1" applyFont="1" applyFill="1" applyBorder="1" applyAlignment="1">
      <alignment vertical="center" wrapText="1"/>
    </xf>
    <xf numFmtId="176" fontId="10" fillId="0" borderId="8" xfId="0" applyNumberFormat="1" applyFont="1" applyFill="1" applyBorder="1" applyAlignment="1">
      <alignment vertical="center" wrapText="1"/>
    </xf>
    <xf numFmtId="0" fontId="9" fillId="0" borderId="7" xfId="0" applyFont="1" applyFill="1" applyBorder="1" applyAlignment="1">
      <alignment vertical="center" wrapText="1"/>
    </xf>
    <xf numFmtId="0" fontId="3" fillId="5" borderId="0" xfId="0" applyFont="1" applyFill="1" applyBorder="1" applyAlignment="1">
      <alignment horizontal="center"/>
    </xf>
    <xf numFmtId="0" fontId="8" fillId="5" borderId="16" xfId="0" applyFont="1" applyFill="1" applyBorder="1" applyAlignment="1">
      <alignment horizontal="left" vertical="center" wrapText="1"/>
    </xf>
    <xf numFmtId="0" fontId="8" fillId="5" borderId="16" xfId="0" applyFont="1" applyFill="1" applyBorder="1" applyAlignment="1">
      <alignment horizontal="left" vertical="center"/>
    </xf>
    <xf numFmtId="0" fontId="8" fillId="5" borderId="17" xfId="0" applyFont="1" applyFill="1" applyBorder="1" applyAlignment="1">
      <alignment horizontal="left" vertical="center"/>
    </xf>
    <xf numFmtId="0" fontId="9" fillId="0" borderId="13" xfId="0" applyFont="1" applyFill="1" applyBorder="1" applyAlignment="1">
      <alignment vertical="center" wrapText="1"/>
    </xf>
    <xf numFmtId="176" fontId="10" fillId="0" borderId="13" xfId="0" applyNumberFormat="1" applyFont="1" applyFill="1" applyBorder="1" applyAlignment="1">
      <alignment vertical="center" wrapText="1"/>
    </xf>
    <xf numFmtId="176" fontId="10" fillId="0" borderId="14" xfId="0" applyNumberFormat="1" applyFont="1" applyFill="1" applyBorder="1" applyAlignment="1">
      <alignment vertical="center" wrapText="1"/>
    </xf>
    <xf numFmtId="0" fontId="11" fillId="5" borderId="1" xfId="0" applyFont="1" applyFill="1" applyBorder="1" applyAlignment="1">
      <alignment horizontal="center" vertical="center" wrapText="1"/>
    </xf>
    <xf numFmtId="0" fontId="11" fillId="5" borderId="3" xfId="0" applyFont="1" applyFill="1" applyBorder="1" applyAlignment="1">
      <alignment horizontal="center" vertical="center" wrapText="1"/>
    </xf>
    <xf numFmtId="0" fontId="4" fillId="5" borderId="5" xfId="0" applyFont="1" applyFill="1" applyBorder="1" applyAlignment="1">
      <alignment horizontal="center" wrapText="1"/>
    </xf>
    <xf numFmtId="0" fontId="4" fillId="5" borderId="5" xfId="0" applyFont="1" applyFill="1" applyBorder="1" applyAlignment="1">
      <alignment horizontal="center"/>
    </xf>
    <xf numFmtId="0" fontId="8" fillId="5" borderId="16" xfId="0" applyFont="1" applyFill="1" applyBorder="1" applyAlignment="1">
      <alignment horizontal="center" vertical="center"/>
    </xf>
    <xf numFmtId="0" fontId="6" fillId="0" borderId="9" xfId="0" applyFont="1" applyFill="1" applyBorder="1" applyAlignment="1">
      <alignment horizontal="left" vertical="top" wrapText="1"/>
    </xf>
    <xf numFmtId="0" fontId="6" fillId="0" borderId="10" xfId="0" applyFont="1" applyFill="1" applyBorder="1" applyAlignment="1">
      <alignment horizontal="left" vertical="top" wrapText="1"/>
    </xf>
    <xf numFmtId="0" fontId="6" fillId="0" borderId="11" xfId="0" applyFont="1" applyFill="1" applyBorder="1" applyAlignment="1">
      <alignment horizontal="left" vertical="top" wrapText="1"/>
    </xf>
    <xf numFmtId="0" fontId="12" fillId="0" borderId="1" xfId="0" applyFont="1" applyFill="1" applyBorder="1" applyAlignment="1">
      <alignment horizontal="center" vertical="center"/>
    </xf>
    <xf numFmtId="0" fontId="12" fillId="0" borderId="4" xfId="0" applyFont="1" applyFill="1" applyBorder="1" applyAlignment="1">
      <alignment horizontal="center" vertical="center"/>
    </xf>
    <xf numFmtId="49" fontId="12" fillId="0" borderId="2" xfId="0" applyNumberFormat="1" applyFont="1" applyFill="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8"/>
  <sheetViews>
    <sheetView tabSelected="1" view="pageBreakPreview" zoomScaleNormal="100" zoomScaleSheetLayoutView="100" workbookViewId="0">
      <selection activeCell="J2" sqref="J2"/>
    </sheetView>
  </sheetViews>
  <sheetFormatPr defaultColWidth="9" defaultRowHeight="13.2"/>
  <cols>
    <col min="1" max="1" width="3.77734375" style="10" customWidth="1"/>
    <col min="2" max="2" width="9.6640625" style="10" customWidth="1"/>
    <col min="3" max="4" width="10.33203125" style="10" customWidth="1"/>
    <col min="5" max="7" width="9.6640625" style="10" customWidth="1"/>
    <col min="8" max="8" width="4.33203125" style="10" customWidth="1"/>
    <col min="9" max="10" width="9.6640625" style="10" customWidth="1"/>
    <col min="11" max="11" width="23.6640625" style="10" customWidth="1"/>
    <col min="12" max="12" width="3" style="10" customWidth="1"/>
    <col min="13" max="16384" width="9" style="10"/>
  </cols>
  <sheetData>
    <row r="1" spans="1:12" s="6" customFormat="1" ht="19.5" customHeight="1">
      <c r="A1" s="4"/>
      <c r="B1" s="5" t="s">
        <v>6</v>
      </c>
      <c r="C1" s="21" t="s">
        <v>797</v>
      </c>
      <c r="D1" s="21"/>
      <c r="E1" s="21"/>
      <c r="F1" s="21"/>
      <c r="G1" s="21"/>
      <c r="H1" s="21"/>
      <c r="I1" s="21"/>
      <c r="J1" s="21"/>
      <c r="K1" s="4"/>
      <c r="L1" s="4"/>
    </row>
    <row r="2" spans="1:12" ht="18" customHeight="1">
      <c r="A2" s="7"/>
      <c r="B2" s="8"/>
      <c r="C2" s="9"/>
      <c r="D2" s="9"/>
      <c r="E2" s="9"/>
      <c r="F2" s="9"/>
      <c r="G2" s="9"/>
      <c r="H2" s="7"/>
      <c r="I2" s="7"/>
      <c r="J2" s="7"/>
      <c r="K2" s="7"/>
      <c r="L2" s="7"/>
    </row>
    <row r="3" spans="1:12" ht="35.1" customHeight="1">
      <c r="A3" s="7"/>
      <c r="B3" s="14" t="s">
        <v>5</v>
      </c>
      <c r="C3" s="36" t="s">
        <v>798</v>
      </c>
      <c r="D3" s="37"/>
      <c r="E3" s="28" t="s">
        <v>899</v>
      </c>
      <c r="F3" s="29"/>
      <c r="G3" s="30" t="s">
        <v>796</v>
      </c>
      <c r="H3" s="31"/>
      <c r="I3" s="38" t="s">
        <v>799</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73.5" customHeight="1">
      <c r="A6" s="7"/>
      <c r="B6" s="33" t="s">
        <v>875</v>
      </c>
      <c r="C6" s="34"/>
      <c r="D6" s="34"/>
      <c r="E6" s="34"/>
      <c r="F6" s="34"/>
      <c r="G6" s="34"/>
      <c r="H6" s="34"/>
      <c r="I6" s="34"/>
      <c r="J6" s="34"/>
      <c r="K6" s="35"/>
      <c r="L6" s="7"/>
    </row>
    <row r="7" spans="1:12">
      <c r="A7" s="7"/>
      <c r="B7" s="11"/>
      <c r="C7" s="7"/>
      <c r="D7" s="7"/>
      <c r="E7" s="12"/>
      <c r="F7" s="7"/>
      <c r="G7" s="7"/>
      <c r="H7" s="7"/>
      <c r="I7" s="7"/>
      <c r="J7" s="7"/>
      <c r="K7" s="7"/>
      <c r="L7" s="7"/>
    </row>
    <row r="8" spans="1:12" ht="54.75" customHeight="1" thickBot="1">
      <c r="A8" s="7"/>
      <c r="B8" s="15" t="s">
        <v>3</v>
      </c>
      <c r="C8" s="32" t="s">
        <v>0</v>
      </c>
      <c r="D8" s="32"/>
      <c r="E8" s="32" t="s">
        <v>2</v>
      </c>
      <c r="F8" s="32"/>
      <c r="G8" s="32" t="s">
        <v>1</v>
      </c>
      <c r="H8" s="32"/>
      <c r="I8" s="22" t="s">
        <v>4</v>
      </c>
      <c r="J8" s="23"/>
      <c r="K8" s="24"/>
      <c r="L8" s="7"/>
    </row>
    <row r="9" spans="1:12" ht="42.75" customHeight="1" thickTop="1">
      <c r="A9" s="13">
        <v>1</v>
      </c>
      <c r="B9" s="16" t="s">
        <v>853</v>
      </c>
      <c r="C9" s="25" t="s">
        <v>812</v>
      </c>
      <c r="D9" s="25"/>
      <c r="E9" s="25" t="s">
        <v>830</v>
      </c>
      <c r="F9" s="25"/>
      <c r="G9" s="25" t="s">
        <v>800</v>
      </c>
      <c r="H9" s="25"/>
      <c r="I9" s="26" t="s">
        <v>885</v>
      </c>
      <c r="J9" s="26"/>
      <c r="K9" s="27"/>
      <c r="L9" s="7"/>
    </row>
    <row r="10" spans="1:12" ht="36" customHeight="1">
      <c r="A10" s="13">
        <v>2</v>
      </c>
      <c r="B10" s="17" t="s">
        <v>855</v>
      </c>
      <c r="C10" s="20" t="s">
        <v>801</v>
      </c>
      <c r="D10" s="20"/>
      <c r="E10" s="20" t="s">
        <v>831</v>
      </c>
      <c r="F10" s="20"/>
      <c r="G10" s="20" t="s">
        <v>802</v>
      </c>
      <c r="H10" s="20"/>
      <c r="I10" s="18" t="s">
        <v>886</v>
      </c>
      <c r="J10" s="18"/>
      <c r="K10" s="19"/>
      <c r="L10" s="7"/>
    </row>
    <row r="11" spans="1:12" ht="45.75" customHeight="1">
      <c r="A11" s="13">
        <v>3</v>
      </c>
      <c r="B11" s="17" t="s">
        <v>870</v>
      </c>
      <c r="C11" s="20" t="s">
        <v>874</v>
      </c>
      <c r="D11" s="20"/>
      <c r="E11" s="20" t="s">
        <v>871</v>
      </c>
      <c r="F11" s="20"/>
      <c r="G11" s="20" t="s">
        <v>873</v>
      </c>
      <c r="H11" s="20"/>
      <c r="I11" s="18" t="s">
        <v>872</v>
      </c>
      <c r="J11" s="18"/>
      <c r="K11" s="19"/>
      <c r="L11" s="7"/>
    </row>
    <row r="12" spans="1:12" ht="33.75" customHeight="1">
      <c r="A12" s="13">
        <v>4</v>
      </c>
      <c r="B12" s="17" t="s">
        <v>865</v>
      </c>
      <c r="C12" s="20" t="s">
        <v>866</v>
      </c>
      <c r="D12" s="20"/>
      <c r="E12" s="20" t="s">
        <v>868</v>
      </c>
      <c r="F12" s="20"/>
      <c r="G12" s="20" t="s">
        <v>869</v>
      </c>
      <c r="H12" s="20"/>
      <c r="I12" s="18" t="s">
        <v>867</v>
      </c>
      <c r="J12" s="18"/>
      <c r="K12" s="19"/>
      <c r="L12" s="7"/>
    </row>
    <row r="13" spans="1:12" ht="25.5" customHeight="1">
      <c r="A13" s="13">
        <v>5</v>
      </c>
      <c r="B13" s="17" t="s">
        <v>854</v>
      </c>
      <c r="C13" s="20" t="s">
        <v>858</v>
      </c>
      <c r="D13" s="20"/>
      <c r="E13" s="20" t="s">
        <v>832</v>
      </c>
      <c r="F13" s="20"/>
      <c r="G13" s="20" t="s">
        <v>803</v>
      </c>
      <c r="H13" s="20"/>
      <c r="I13" s="18" t="s">
        <v>887</v>
      </c>
      <c r="J13" s="18"/>
      <c r="K13" s="19"/>
      <c r="L13" s="7"/>
    </row>
    <row r="14" spans="1:12" ht="32.25" customHeight="1">
      <c r="A14" s="13">
        <v>6</v>
      </c>
      <c r="B14" s="17" t="s">
        <v>853</v>
      </c>
      <c r="C14" s="20" t="s">
        <v>804</v>
      </c>
      <c r="D14" s="20"/>
      <c r="E14" s="20" t="s">
        <v>833</v>
      </c>
      <c r="F14" s="20"/>
      <c r="G14" s="20" t="s">
        <v>805</v>
      </c>
      <c r="H14" s="20"/>
      <c r="I14" s="18" t="s">
        <v>888</v>
      </c>
      <c r="J14" s="18"/>
      <c r="K14" s="19"/>
      <c r="L14" s="7"/>
    </row>
    <row r="15" spans="1:12" ht="26.25" customHeight="1">
      <c r="A15" s="13">
        <v>7</v>
      </c>
      <c r="B15" s="17" t="s">
        <v>852</v>
      </c>
      <c r="C15" s="20" t="s">
        <v>806</v>
      </c>
      <c r="D15" s="20"/>
      <c r="E15" s="20" t="s">
        <v>835</v>
      </c>
      <c r="F15" s="20"/>
      <c r="G15" s="20" t="s">
        <v>807</v>
      </c>
      <c r="H15" s="20"/>
      <c r="I15" s="18" t="s">
        <v>889</v>
      </c>
      <c r="J15" s="18"/>
      <c r="K15" s="19"/>
      <c r="L15" s="7"/>
    </row>
    <row r="16" spans="1:12" ht="30.75" customHeight="1">
      <c r="A16" s="13">
        <v>8</v>
      </c>
      <c r="B16" s="17" t="s">
        <v>851</v>
      </c>
      <c r="C16" s="20" t="s">
        <v>808</v>
      </c>
      <c r="D16" s="20"/>
      <c r="E16" s="20" t="s">
        <v>834</v>
      </c>
      <c r="F16" s="20"/>
      <c r="G16" s="20" t="s">
        <v>809</v>
      </c>
      <c r="H16" s="20"/>
      <c r="I16" s="18" t="s">
        <v>813</v>
      </c>
      <c r="J16" s="18"/>
      <c r="K16" s="19"/>
      <c r="L16" s="7"/>
    </row>
    <row r="17" spans="1:12" ht="30" customHeight="1">
      <c r="A17" s="13">
        <v>9</v>
      </c>
      <c r="B17" s="17" t="s">
        <v>850</v>
      </c>
      <c r="C17" s="20" t="s">
        <v>810</v>
      </c>
      <c r="D17" s="20"/>
      <c r="E17" s="20" t="s">
        <v>836</v>
      </c>
      <c r="F17" s="20"/>
      <c r="G17" s="20" t="s">
        <v>811</v>
      </c>
      <c r="H17" s="20"/>
      <c r="I17" s="18" t="s">
        <v>890</v>
      </c>
      <c r="J17" s="18"/>
      <c r="K17" s="19"/>
      <c r="L17" s="7"/>
    </row>
    <row r="18" spans="1:12" ht="35.25" customHeight="1">
      <c r="A18" s="13">
        <v>10</v>
      </c>
      <c r="B18" s="17" t="s">
        <v>861</v>
      </c>
      <c r="C18" s="20" t="s">
        <v>862</v>
      </c>
      <c r="D18" s="20"/>
      <c r="E18" s="20" t="s">
        <v>863</v>
      </c>
      <c r="F18" s="20"/>
      <c r="G18" s="20" t="s">
        <v>864</v>
      </c>
      <c r="H18" s="20"/>
      <c r="I18" s="18" t="s">
        <v>884</v>
      </c>
      <c r="J18" s="18"/>
      <c r="K18" s="19"/>
      <c r="L18" s="7"/>
    </row>
    <row r="19" spans="1:12" ht="28.5" customHeight="1">
      <c r="A19" s="13">
        <v>11</v>
      </c>
      <c r="B19" s="17" t="s">
        <v>846</v>
      </c>
      <c r="C19" s="20" t="s">
        <v>843</v>
      </c>
      <c r="D19" s="20"/>
      <c r="E19" s="20" t="s">
        <v>845</v>
      </c>
      <c r="F19" s="20"/>
      <c r="G19" s="20" t="s">
        <v>847</v>
      </c>
      <c r="H19" s="20"/>
      <c r="I19" s="18" t="s">
        <v>891</v>
      </c>
      <c r="J19" s="18"/>
      <c r="K19" s="19"/>
      <c r="L19" s="7"/>
    </row>
    <row r="20" spans="1:12" ht="24.75" customHeight="1">
      <c r="A20" s="13">
        <v>12</v>
      </c>
      <c r="B20" s="17" t="s">
        <v>842</v>
      </c>
      <c r="C20" s="20" t="s">
        <v>840</v>
      </c>
      <c r="D20" s="20"/>
      <c r="E20" s="20" t="s">
        <v>841</v>
      </c>
      <c r="F20" s="20"/>
      <c r="G20" s="20" t="s">
        <v>844</v>
      </c>
      <c r="H20" s="20"/>
      <c r="I20" s="18" t="s">
        <v>892</v>
      </c>
      <c r="J20" s="18"/>
      <c r="K20" s="19"/>
      <c r="L20" s="7"/>
    </row>
    <row r="21" spans="1:12" ht="30" customHeight="1">
      <c r="A21" s="13">
        <v>13</v>
      </c>
      <c r="B21" s="17" t="s">
        <v>825</v>
      </c>
      <c r="C21" s="20" t="s">
        <v>823</v>
      </c>
      <c r="D21" s="20"/>
      <c r="E21" s="20" t="s">
        <v>856</v>
      </c>
      <c r="F21" s="20"/>
      <c r="G21" s="20" t="s">
        <v>824</v>
      </c>
      <c r="H21" s="20"/>
      <c r="I21" s="18" t="s">
        <v>893</v>
      </c>
      <c r="J21" s="18"/>
      <c r="K21" s="19"/>
      <c r="L21" s="7"/>
    </row>
    <row r="22" spans="1:12" ht="33.75" customHeight="1">
      <c r="A22" s="13">
        <v>14</v>
      </c>
      <c r="B22" s="17" t="s">
        <v>849</v>
      </c>
      <c r="C22" s="20" t="s">
        <v>848</v>
      </c>
      <c r="D22" s="20"/>
      <c r="E22" s="20" t="s">
        <v>837</v>
      </c>
      <c r="F22" s="20"/>
      <c r="G22" s="20" t="s">
        <v>814</v>
      </c>
      <c r="H22" s="20"/>
      <c r="I22" s="18" t="s">
        <v>860</v>
      </c>
      <c r="J22" s="18"/>
      <c r="K22" s="19"/>
      <c r="L22" s="7"/>
    </row>
    <row r="23" spans="1:12" ht="29.25" customHeight="1">
      <c r="A23" s="13">
        <v>15</v>
      </c>
      <c r="B23" s="17" t="s">
        <v>857</v>
      </c>
      <c r="C23" s="20" t="s">
        <v>815</v>
      </c>
      <c r="D23" s="20"/>
      <c r="E23" s="20" t="s">
        <v>838</v>
      </c>
      <c r="F23" s="20"/>
      <c r="G23" s="20" t="s">
        <v>816</v>
      </c>
      <c r="H23" s="20"/>
      <c r="I23" s="18" t="s">
        <v>894</v>
      </c>
      <c r="J23" s="18"/>
      <c r="K23" s="19"/>
      <c r="L23" s="7"/>
    </row>
    <row r="24" spans="1:12" ht="39" customHeight="1">
      <c r="A24" s="13">
        <v>16</v>
      </c>
      <c r="B24" s="17" t="s">
        <v>826</v>
      </c>
      <c r="C24" s="20" t="s">
        <v>820</v>
      </c>
      <c r="D24" s="20"/>
      <c r="E24" s="20" t="s">
        <v>821</v>
      </c>
      <c r="F24" s="20"/>
      <c r="G24" s="20" t="s">
        <v>822</v>
      </c>
      <c r="H24" s="20"/>
      <c r="I24" s="18" t="s">
        <v>859</v>
      </c>
      <c r="J24" s="18"/>
      <c r="K24" s="19"/>
      <c r="L24" s="7"/>
    </row>
    <row r="25" spans="1:12" ht="30.75" customHeight="1">
      <c r="A25" s="13">
        <v>17</v>
      </c>
      <c r="B25" s="17" t="s">
        <v>827</v>
      </c>
      <c r="C25" s="20" t="s">
        <v>817</v>
      </c>
      <c r="D25" s="20"/>
      <c r="E25" s="20" t="s">
        <v>818</v>
      </c>
      <c r="F25" s="20"/>
      <c r="G25" s="20" t="s">
        <v>819</v>
      </c>
      <c r="H25" s="20"/>
      <c r="I25" s="18" t="s">
        <v>895</v>
      </c>
      <c r="J25" s="18"/>
      <c r="K25" s="19"/>
      <c r="L25" s="7"/>
    </row>
    <row r="26" spans="1:12" ht="39.75" customHeight="1">
      <c r="A26" s="13">
        <v>18</v>
      </c>
      <c r="B26" s="17" t="s">
        <v>827</v>
      </c>
      <c r="C26" s="20" t="s">
        <v>828</v>
      </c>
      <c r="D26" s="20"/>
      <c r="E26" s="20" t="s">
        <v>829</v>
      </c>
      <c r="F26" s="20"/>
      <c r="G26" s="20" t="s">
        <v>839</v>
      </c>
      <c r="H26" s="20"/>
      <c r="I26" s="18" t="s">
        <v>896</v>
      </c>
      <c r="J26" s="18"/>
      <c r="K26" s="19"/>
      <c r="L26" s="7"/>
    </row>
    <row r="27" spans="1:12" ht="39.75" customHeight="1">
      <c r="A27" s="13">
        <v>19</v>
      </c>
      <c r="B27" s="17" t="s">
        <v>878</v>
      </c>
      <c r="C27" s="20" t="s">
        <v>881</v>
      </c>
      <c r="D27" s="20"/>
      <c r="E27" s="20" t="s">
        <v>876</v>
      </c>
      <c r="F27" s="20"/>
      <c r="G27" s="20" t="s">
        <v>877</v>
      </c>
      <c r="H27" s="20"/>
      <c r="I27" s="18" t="s">
        <v>897</v>
      </c>
      <c r="J27" s="18"/>
      <c r="K27" s="19"/>
      <c r="L27" s="7"/>
    </row>
    <row r="28" spans="1:12" ht="33.75" customHeight="1">
      <c r="A28" s="13">
        <v>20</v>
      </c>
      <c r="B28" s="17" t="s">
        <v>880</v>
      </c>
      <c r="C28" s="20" t="s">
        <v>879</v>
      </c>
      <c r="D28" s="20"/>
      <c r="E28" s="20" t="s">
        <v>882</v>
      </c>
      <c r="F28" s="20"/>
      <c r="G28" s="20" t="s">
        <v>883</v>
      </c>
      <c r="H28" s="20"/>
      <c r="I28" s="18" t="s">
        <v>898</v>
      </c>
      <c r="J28" s="18"/>
      <c r="K28" s="19"/>
      <c r="L28" s="7"/>
    </row>
  </sheetData>
  <mergeCells count="89">
    <mergeCell ref="C27:D27"/>
    <mergeCell ref="E27:F27"/>
    <mergeCell ref="G27:H27"/>
    <mergeCell ref="B6:K6"/>
    <mergeCell ref="C28:D28"/>
    <mergeCell ref="E28:F28"/>
    <mergeCell ref="G28:H28"/>
    <mergeCell ref="I28:K28"/>
    <mergeCell ref="I27:K27"/>
    <mergeCell ref="I19:K19"/>
    <mergeCell ref="E18:F18"/>
    <mergeCell ref="C18:D18"/>
    <mergeCell ref="C19:D19"/>
    <mergeCell ref="G18:H18"/>
    <mergeCell ref="I18:K18"/>
    <mergeCell ref="E19:F19"/>
    <mergeCell ref="I26:K26"/>
    <mergeCell ref="E25:F25"/>
    <mergeCell ref="G25:H25"/>
    <mergeCell ref="C26:D26"/>
    <mergeCell ref="E26:F26"/>
    <mergeCell ref="G26:H26"/>
    <mergeCell ref="E20:F20"/>
    <mergeCell ref="G20:H20"/>
    <mergeCell ref="I20:K20"/>
    <mergeCell ref="C25:D25"/>
    <mergeCell ref="I25:K25"/>
    <mergeCell ref="C24:D24"/>
    <mergeCell ref="E24:F24"/>
    <mergeCell ref="G24:H24"/>
    <mergeCell ref="I24:K24"/>
    <mergeCell ref="C21:D21"/>
    <mergeCell ref="E21:F21"/>
    <mergeCell ref="G21:H21"/>
    <mergeCell ref="I21:K21"/>
    <mergeCell ref="I23:K23"/>
    <mergeCell ref="C3:D3"/>
    <mergeCell ref="E3:F3"/>
    <mergeCell ref="G3:H3"/>
    <mergeCell ref="C23:D23"/>
    <mergeCell ref="E23:F23"/>
    <mergeCell ref="G23:H23"/>
    <mergeCell ref="C8:D8"/>
    <mergeCell ref="E8:F8"/>
    <mergeCell ref="G8:H8"/>
    <mergeCell ref="E14:F14"/>
    <mergeCell ref="G14:H14"/>
    <mergeCell ref="C12:D12"/>
    <mergeCell ref="E12:F12"/>
    <mergeCell ref="G12:H12"/>
    <mergeCell ref="G19:H19"/>
    <mergeCell ref="C20:D20"/>
    <mergeCell ref="I8:K8"/>
    <mergeCell ref="C22:D22"/>
    <mergeCell ref="E22:F22"/>
    <mergeCell ref="G22:H22"/>
    <mergeCell ref="I22:K22"/>
    <mergeCell ref="C9:D9"/>
    <mergeCell ref="E9:F9"/>
    <mergeCell ref="G9:H9"/>
    <mergeCell ref="I9:K9"/>
    <mergeCell ref="C10:D10"/>
    <mergeCell ref="E10:F10"/>
    <mergeCell ref="G10:H10"/>
    <mergeCell ref="I10:K10"/>
    <mergeCell ref="C13:D13"/>
    <mergeCell ref="E13:F13"/>
    <mergeCell ref="G13:H13"/>
    <mergeCell ref="I13:K13"/>
    <mergeCell ref="I14:K14"/>
    <mergeCell ref="C1:J1"/>
    <mergeCell ref="C17:D17"/>
    <mergeCell ref="E17:F17"/>
    <mergeCell ref="G17:H17"/>
    <mergeCell ref="I17:K17"/>
    <mergeCell ref="C16:D16"/>
    <mergeCell ref="E16:F16"/>
    <mergeCell ref="G16:H16"/>
    <mergeCell ref="I16:K16"/>
    <mergeCell ref="C15:D15"/>
    <mergeCell ref="E15:F15"/>
    <mergeCell ref="G15:H15"/>
    <mergeCell ref="I15:K15"/>
    <mergeCell ref="C14:D14"/>
    <mergeCell ref="I12:K12"/>
    <mergeCell ref="C11:D11"/>
    <mergeCell ref="E11:F11"/>
    <mergeCell ref="G11:H11"/>
    <mergeCell ref="I11:K11"/>
  </mergeCells>
  <phoneticPr fontId="1"/>
  <dataValidations count="1">
    <dataValidation imeMode="hiragana" allowBlank="1" showInputMessage="1" showErrorMessage="1" sqref="B6"/>
  </dataValidations>
  <pageMargins left="0.23622047244094491" right="0.23622047244094491" top="0.15748031496062992" bottom="0.15748031496062992" header="0.11811023622047245" footer="0.11811023622047245"/>
  <pageSetup paperSize="9" scale="8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3-05T04:57:26Z</cp:lastPrinted>
  <dcterms:created xsi:type="dcterms:W3CDTF">2004-01-30T10:40:15Z</dcterms:created>
  <dcterms:modified xsi:type="dcterms:W3CDTF">2021-08-10T05:19:26Z</dcterms:modified>
</cp:coreProperties>
</file>